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enswoud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Lettertype, symbool&#10;&#10;Automatisch gegenereerde beschrijving">
            <a:extLst>
              <a:ext uri="{FF2B5EF4-FFF2-40B4-BE49-F238E27FC236}">
                <a16:creationId xmlns:a16="http://schemas.microsoft.com/office/drawing/2014/main" id="{25AC8F70-E4A1-FA26-F84F-AEA21597215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4119" y="4575923"/>
            <a:ext cx="2769131" cy="208792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ogo, Lettertype, symbool&#10;&#10;Automatisch gegenereerde beschrijving">
            <a:extLst>
              <a:ext uri="{FF2B5EF4-FFF2-40B4-BE49-F238E27FC236}">
                <a16:creationId xmlns:a16="http://schemas.microsoft.com/office/drawing/2014/main" id="{79543186-41AB-056A-1C2F-0820325C93F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1645" y="3847786"/>
            <a:ext cx="1939269"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1-15T12:46:23Z</dcterms:modified>
</cp:coreProperties>
</file>